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-15" yWindow="60" windowWidth="9960" windowHeight="7710" tabRatio="955"/>
  </bookViews>
  <sheets>
    <sheet name="3(1)" sheetId="124" r:id="rId1"/>
  </sheets>
  <definedNames>
    <definedName name="_xlnm.Print_Area" localSheetId="0">'3(1)'!$A$1:$X$33</definedName>
  </definedNames>
  <calcPr calcId="162913"/>
</workbook>
</file>

<file path=xl/sharedStrings.xml><?xml version="1.0" encoding="utf-8"?>
<sst xmlns="http://schemas.openxmlformats.org/spreadsheetml/2006/main" count="102" uniqueCount="40">
  <si>
    <t>国有林</t>
    <rPh sb="0" eb="3">
      <t>コクユウリン</t>
    </rPh>
    <phoneticPr fontId="2"/>
  </si>
  <si>
    <t>対森林面積</t>
    <rPh sb="0" eb="1">
      <t>タイ</t>
    </rPh>
    <rPh sb="1" eb="3">
      <t>シンリン</t>
    </rPh>
    <rPh sb="3" eb="5">
      <t>メンセキ</t>
    </rPh>
    <phoneticPr fontId="2"/>
  </si>
  <si>
    <t>対土地面積</t>
    <rPh sb="0" eb="1">
      <t>タイ</t>
    </rPh>
    <rPh sb="1" eb="3">
      <t>トチ</t>
    </rPh>
    <rPh sb="3" eb="5">
      <t>メンセキ</t>
    </rPh>
    <phoneticPr fontId="2"/>
  </si>
  <si>
    <t>計</t>
    <rPh sb="0" eb="1">
      <t>ケイ</t>
    </rPh>
    <phoneticPr fontId="2"/>
  </si>
  <si>
    <t>林野庁所管</t>
    <rPh sb="0" eb="3">
      <t>リンヤチョウ</t>
    </rPh>
    <rPh sb="3" eb="5">
      <t>ショカン</t>
    </rPh>
    <phoneticPr fontId="2"/>
  </si>
  <si>
    <t>-</t>
  </si>
  <si>
    <t>会　　　　　社　　　　　　　団　　　　　　体</t>
    <rPh sb="0" eb="7">
      <t>カイシャ</t>
    </rPh>
    <rPh sb="14" eb="22">
      <t>ダンタイ</t>
    </rPh>
    <phoneticPr fontId="2"/>
  </si>
  <si>
    <t>個　　　　　　　　　　　人</t>
    <rPh sb="0" eb="13">
      <t>コジン</t>
    </rPh>
    <phoneticPr fontId="2"/>
  </si>
  <si>
    <t>社　　　　　　　　　　　　　　寺</t>
    <rPh sb="0" eb="16">
      <t>シャジ</t>
    </rPh>
    <phoneticPr fontId="2"/>
  </si>
  <si>
    <t>共　　　　　　　　　　　　　　有</t>
    <rPh sb="0" eb="16">
      <t>キョウユウ</t>
    </rPh>
    <phoneticPr fontId="2"/>
  </si>
  <si>
    <t>集　　　　　　落　　　　　　　　共　　　　　　　　有</t>
    <rPh sb="0" eb="8">
      <t>シュウラク</t>
    </rPh>
    <rPh sb="16" eb="26">
      <t>キョウユウ</t>
    </rPh>
    <phoneticPr fontId="2"/>
  </si>
  <si>
    <t>公　　　　　　　社</t>
    <rPh sb="0" eb="9">
      <t>コウシャ</t>
    </rPh>
    <phoneticPr fontId="2"/>
  </si>
  <si>
    <t>財　　　　　　産　　　　　　　　区</t>
    <rPh sb="0" eb="8">
      <t>ザイサン</t>
    </rPh>
    <rPh sb="16" eb="17">
      <t>ク</t>
    </rPh>
    <phoneticPr fontId="2"/>
  </si>
  <si>
    <t>市　　　　　町　　　　　村　　　　　　　　（行）</t>
    <rPh sb="0" eb="13">
      <t>シチョウソン</t>
    </rPh>
    <rPh sb="22" eb="23">
      <t>オコナ</t>
    </rPh>
    <phoneticPr fontId="2"/>
  </si>
  <si>
    <t>県　　　　　　　　　　　　（行）</t>
    <rPh sb="0" eb="1">
      <t>ケン</t>
    </rPh>
    <rPh sb="14" eb="15">
      <t>ケンコウゾウリン</t>
    </rPh>
    <phoneticPr fontId="2"/>
  </si>
  <si>
    <t>国　　　　　有　　　　　　　林</t>
    <rPh sb="0" eb="15">
      <t>コクユウリン</t>
    </rPh>
    <phoneticPr fontId="2"/>
  </si>
  <si>
    <t>官　　　　　行　　　　　　造　　　　　　林</t>
    <rPh sb="0" eb="7">
      <t>カンコウ</t>
    </rPh>
    <rPh sb="13" eb="21">
      <t>ゾウリン</t>
    </rPh>
    <phoneticPr fontId="2"/>
  </si>
  <si>
    <t>斐 伊 川</t>
    <rPh sb="0" eb="5">
      <t>ヒイカワ</t>
    </rPh>
    <phoneticPr fontId="2"/>
  </si>
  <si>
    <t>高 津 川</t>
    <rPh sb="0" eb="5">
      <t>タカツガワ</t>
    </rPh>
    <phoneticPr fontId="2"/>
  </si>
  <si>
    <t>計画区</t>
    <rPh sb="0" eb="2">
      <t>ケイカク</t>
    </rPh>
    <rPh sb="2" eb="3">
      <t>ク</t>
    </rPh>
    <phoneticPr fontId="2"/>
  </si>
  <si>
    <t>計画対象外森林</t>
    <rPh sb="0" eb="2">
      <t>ケイカク</t>
    </rPh>
    <rPh sb="2" eb="4">
      <t>タイショウ</t>
    </rPh>
    <rPh sb="4" eb="5">
      <t>ガイ</t>
    </rPh>
    <rPh sb="5" eb="7">
      <t>シンリン</t>
    </rPh>
    <phoneticPr fontId="2"/>
  </si>
  <si>
    <t>江の川下流</t>
    <rPh sb="0" eb="1">
      <t>ゴウ</t>
    </rPh>
    <rPh sb="2" eb="3">
      <t>カワ</t>
    </rPh>
    <rPh sb="3" eb="5">
      <t>カリュウ</t>
    </rPh>
    <phoneticPr fontId="2"/>
  </si>
  <si>
    <t>森林研究・
整備機構</t>
    <rPh sb="0" eb="2">
      <t>シンリン</t>
    </rPh>
    <rPh sb="2" eb="4">
      <t>ケンキュウ</t>
    </rPh>
    <rPh sb="6" eb="8">
      <t>セイビ</t>
    </rPh>
    <rPh sb="8" eb="10">
      <t>キコウ</t>
    </rPh>
    <phoneticPr fontId="2"/>
  </si>
  <si>
    <t>森林</t>
    <rPh sb="0" eb="2">
      <t>シンリン</t>
    </rPh>
    <phoneticPr fontId="2"/>
  </si>
  <si>
    <t>民有林</t>
    <rPh sb="0" eb="3">
      <t>ミンユウリン</t>
    </rPh>
    <phoneticPr fontId="2"/>
  </si>
  <si>
    <t>他省庁所管</t>
    <rPh sb="0" eb="1">
      <t>タ</t>
    </rPh>
    <rPh sb="1" eb="3">
      <t>ショウチョウ</t>
    </rPh>
    <rPh sb="3" eb="5">
      <t>ショカン</t>
    </rPh>
    <phoneticPr fontId="2"/>
  </si>
  <si>
    <t>国有林面積計</t>
    <rPh sb="0" eb="2">
      <t>コクユウ</t>
    </rPh>
    <rPh sb="2" eb="3">
      <t>ハヤシ</t>
    </rPh>
    <rPh sb="3" eb="4">
      <t>メン</t>
    </rPh>
    <rPh sb="4" eb="5">
      <t>セキ</t>
    </rPh>
    <rPh sb="5" eb="6">
      <t>ケイ</t>
    </rPh>
    <phoneticPr fontId="2"/>
  </si>
  <si>
    <t>地域森林計画対象森林　　　　　　　　　　   　　　　</t>
    <rPh sb="0" eb="1">
      <t>チ</t>
    </rPh>
    <rPh sb="1" eb="2">
      <t>イキ</t>
    </rPh>
    <rPh sb="2" eb="3">
      <t>モリ</t>
    </rPh>
    <rPh sb="3" eb="4">
      <t>ハヤシ</t>
    </rPh>
    <rPh sb="4" eb="5">
      <t>ケイ</t>
    </rPh>
    <rPh sb="5" eb="6">
      <t>ガ</t>
    </rPh>
    <rPh sb="6" eb="7">
      <t>タイ</t>
    </rPh>
    <rPh sb="7" eb="8">
      <t>ゾウ</t>
    </rPh>
    <rPh sb="8" eb="10">
      <t>シンリン</t>
    </rPh>
    <phoneticPr fontId="2"/>
  </si>
  <si>
    <t>民有林面積計</t>
    <rPh sb="0" eb="2">
      <t>ミンユウ</t>
    </rPh>
    <rPh sb="2" eb="3">
      <t>ハヤシ</t>
    </rPh>
    <rPh sb="3" eb="5">
      <t>メンセキ</t>
    </rPh>
    <rPh sb="5" eb="6">
      <t>ケイ</t>
    </rPh>
    <phoneticPr fontId="2"/>
  </si>
  <si>
    <t>森林面積計</t>
    <rPh sb="0" eb="2">
      <t>シンリン</t>
    </rPh>
    <rPh sb="2" eb="4">
      <t>メンセキ</t>
    </rPh>
    <rPh sb="4" eb="5">
      <t>ケイ</t>
    </rPh>
    <phoneticPr fontId="2"/>
  </si>
  <si>
    <t>田</t>
    <rPh sb="0" eb="1">
      <t>タ</t>
    </rPh>
    <phoneticPr fontId="2"/>
  </si>
  <si>
    <t>耕地</t>
    <rPh sb="0" eb="2">
      <t>コウチ</t>
    </rPh>
    <phoneticPr fontId="2"/>
  </si>
  <si>
    <t xml:space="preserve"> 畑・ 樹園地</t>
    <rPh sb="1" eb="2">
      <t>ハタケ</t>
    </rPh>
    <rPh sb="4" eb="7">
      <t>ジュエンチ</t>
    </rPh>
    <phoneticPr fontId="2"/>
  </si>
  <si>
    <t>耕地面積計</t>
    <rPh sb="0" eb="2">
      <t>コウチ</t>
    </rPh>
    <rPh sb="2" eb="4">
      <t>メンセキ</t>
    </rPh>
    <rPh sb="4" eb="5">
      <t>ケイ</t>
    </rPh>
    <phoneticPr fontId="2"/>
  </si>
  <si>
    <t>隠岐</t>
    <rPh sb="0" eb="2">
      <t>オキ</t>
    </rPh>
    <phoneticPr fontId="2"/>
  </si>
  <si>
    <t>県計</t>
    <rPh sb="0" eb="1">
      <t>ケン</t>
    </rPh>
    <rPh sb="1" eb="2">
      <t>ケイ</t>
    </rPh>
    <phoneticPr fontId="2"/>
  </si>
  <si>
    <t>総土地面積</t>
    <rPh sb="0" eb="1">
      <t>ソウ</t>
    </rPh>
    <rPh sb="1" eb="2">
      <t>ツチ</t>
    </rPh>
    <rPh sb="2" eb="3">
      <t>チ</t>
    </rPh>
    <rPh sb="3" eb="4">
      <t>メン</t>
    </rPh>
    <rPh sb="4" eb="5">
      <t>セキ</t>
    </rPh>
    <phoneticPr fontId="2"/>
  </si>
  <si>
    <t xml:space="preserve"> その他</t>
    <rPh sb="3" eb="4">
      <t>ホカ</t>
    </rPh>
    <phoneticPr fontId="2"/>
  </si>
  <si>
    <t>その他</t>
    <rPh sb="2" eb="3">
      <t>ホカ</t>
    </rPh>
    <phoneticPr fontId="2"/>
  </si>
  <si>
    <t>総土地 面積</t>
    <rPh sb="0" eb="1">
      <t>ソウ</t>
    </rPh>
    <rPh sb="1" eb="2">
      <t>ツチ</t>
    </rPh>
    <rPh sb="2" eb="3">
      <t>チ</t>
    </rPh>
    <rPh sb="4" eb="5">
      <t>メン</t>
    </rPh>
    <rPh sb="5" eb="6">
      <t>セキ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83" formatCode="#,##0_);\(#,##0\)"/>
    <numFmt numFmtId="199" formatCode="General&quot;％&quot;"/>
    <numFmt numFmtId="211" formatCode="0_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6">
    <xf numFmtId="0" fontId="0" fillId="0" borderId="0"/>
    <xf numFmtId="38" fontId="1" fillId="0" borderId="0" applyFont="0" applyFill="0" applyBorder="0" applyAlignment="0" applyProtection="0"/>
    <xf numFmtId="0" fontId="7" fillId="0" borderId="0">
      <alignment vertical="center"/>
    </xf>
    <xf numFmtId="0" fontId="3" fillId="0" borderId="0">
      <alignment vertical="center"/>
    </xf>
    <xf numFmtId="0" fontId="3" fillId="0" borderId="0"/>
    <xf numFmtId="0" fontId="10" fillId="0" borderId="0">
      <alignment vertical="center"/>
    </xf>
  </cellStyleXfs>
  <cellXfs count="52">
    <xf numFmtId="0" fontId="0" fillId="0" borderId="0" xfId="0"/>
    <xf numFmtId="0" fontId="5" fillId="0" borderId="0" xfId="0" applyFont="1" applyAlignment="1">
      <alignment vertical="center"/>
    </xf>
    <xf numFmtId="49" fontId="5" fillId="0" borderId="0" xfId="0" applyNumberFormat="1" applyFont="1" applyAlignment="1">
      <alignment vertical="center"/>
    </xf>
    <xf numFmtId="0" fontId="4" fillId="0" borderId="0" xfId="0" applyFont="1" applyAlignment="1">
      <alignment vertical="center"/>
    </xf>
    <xf numFmtId="41" fontId="4" fillId="0" borderId="1" xfId="1" applyNumberFormat="1" applyFont="1" applyBorder="1" applyAlignment="1">
      <alignment horizontal="right" vertical="center"/>
    </xf>
    <xf numFmtId="41" fontId="4" fillId="0" borderId="2" xfId="1" applyNumberFormat="1" applyFont="1" applyBorder="1" applyAlignment="1">
      <alignment vertical="center"/>
    </xf>
    <xf numFmtId="41" fontId="4" fillId="0" borderId="2" xfId="1" applyNumberFormat="1" applyFont="1" applyBorder="1" applyAlignment="1">
      <alignment horizontal="right" vertical="center"/>
    </xf>
    <xf numFmtId="41" fontId="4" fillId="0" borderId="3" xfId="1" applyNumberFormat="1" applyFont="1" applyBorder="1" applyAlignment="1">
      <alignment vertical="center"/>
    </xf>
    <xf numFmtId="0" fontId="4" fillId="0" borderId="0" xfId="0" applyFont="1" applyBorder="1" applyAlignment="1">
      <alignment vertical="center"/>
    </xf>
    <xf numFmtId="183" fontId="8" fillId="0" borderId="4" xfId="0" applyNumberFormat="1" applyFont="1" applyBorder="1" applyAlignment="1">
      <alignment horizontal="center" vertical="center" wrapText="1"/>
    </xf>
    <xf numFmtId="183" fontId="8" fillId="0" borderId="4" xfId="0" applyNumberFormat="1" applyFont="1" applyFill="1" applyBorder="1" applyAlignment="1">
      <alignment horizontal="center" vertical="center" wrapText="1"/>
    </xf>
    <xf numFmtId="183" fontId="8" fillId="0" borderId="1" xfId="0" applyNumberFormat="1" applyFont="1" applyBorder="1" applyAlignment="1">
      <alignment horizontal="center" vertical="center"/>
    </xf>
    <xf numFmtId="183" fontId="8" fillId="0" borderId="2" xfId="0" applyNumberFormat="1" applyFont="1" applyBorder="1" applyAlignment="1">
      <alignment horizontal="center" vertical="center"/>
    </xf>
    <xf numFmtId="183" fontId="8" fillId="0" borderId="5" xfId="0" applyNumberFormat="1" applyFont="1" applyBorder="1" applyAlignment="1">
      <alignment horizontal="center" vertical="center"/>
    </xf>
    <xf numFmtId="183" fontId="8" fillId="0" borderId="3" xfId="0" applyNumberFormat="1" applyFont="1" applyBorder="1" applyAlignment="1">
      <alignment horizontal="center" vertical="center"/>
    </xf>
    <xf numFmtId="9" fontId="8" fillId="0" borderId="2" xfId="0" applyNumberFormat="1" applyFont="1" applyBorder="1" applyAlignment="1">
      <alignment horizontal="center" vertical="center"/>
    </xf>
    <xf numFmtId="9" fontId="8" fillId="0" borderId="2" xfId="1" applyNumberFormat="1" applyFont="1" applyBorder="1" applyAlignment="1">
      <alignment vertical="center"/>
    </xf>
    <xf numFmtId="9" fontId="8" fillId="0" borderId="2" xfId="0" applyNumberFormat="1" applyFont="1" applyBorder="1" applyAlignment="1">
      <alignment vertical="center"/>
    </xf>
    <xf numFmtId="199" fontId="8" fillId="0" borderId="2" xfId="1" applyNumberFormat="1" applyFont="1" applyBorder="1" applyAlignment="1">
      <alignment vertical="center"/>
    </xf>
    <xf numFmtId="199" fontId="8" fillId="0" borderId="5" xfId="1" applyNumberFormat="1" applyFont="1" applyBorder="1" applyAlignment="1">
      <alignment vertical="center"/>
    </xf>
    <xf numFmtId="0" fontId="6" fillId="0" borderId="0" xfId="0" applyNumberFormat="1" applyFont="1" applyAlignment="1">
      <alignment horizontal="right" vertical="center"/>
    </xf>
    <xf numFmtId="0" fontId="6" fillId="0" borderId="0" xfId="0" applyFont="1" applyAlignment="1">
      <alignment vertical="center"/>
    </xf>
    <xf numFmtId="49" fontId="6" fillId="0" borderId="0" xfId="0" applyNumberFormat="1" applyFont="1" applyAlignment="1">
      <alignment vertical="center"/>
    </xf>
    <xf numFmtId="183" fontId="8" fillId="0" borderId="1" xfId="0" applyNumberFormat="1" applyFont="1" applyBorder="1" applyAlignment="1">
      <alignment horizontal="center" vertical="center" wrapText="1"/>
    </xf>
    <xf numFmtId="183" fontId="4" fillId="0" borderId="4" xfId="0" applyNumberFormat="1" applyFont="1" applyFill="1" applyBorder="1" applyAlignment="1">
      <alignment horizontal="center" vertical="center" textRotation="255" wrapText="1"/>
    </xf>
    <xf numFmtId="183" fontId="8" fillId="0" borderId="4" xfId="0" applyNumberFormat="1" applyFont="1" applyBorder="1" applyAlignment="1">
      <alignment vertical="center" wrapText="1"/>
    </xf>
    <xf numFmtId="183" fontId="8" fillId="0" borderId="4" xfId="0" applyNumberFormat="1" applyFont="1" applyBorder="1" applyAlignment="1">
      <alignment horizontal="center" vertical="center"/>
    </xf>
    <xf numFmtId="183" fontId="8" fillId="0" borderId="4" xfId="0" applyNumberFormat="1" applyFont="1" applyBorder="1" applyAlignment="1">
      <alignment vertical="top" wrapText="1"/>
    </xf>
    <xf numFmtId="183" fontId="8" fillId="0" borderId="4" xfId="0" applyNumberFormat="1" applyFont="1" applyFill="1" applyBorder="1" applyAlignment="1">
      <alignment vertical="center"/>
    </xf>
    <xf numFmtId="183" fontId="8" fillId="0" borderId="4" xfId="0" applyNumberFormat="1" applyFont="1" applyBorder="1" applyAlignment="1">
      <alignment vertical="center" textRotation="255" wrapText="1"/>
    </xf>
    <xf numFmtId="183" fontId="5" fillId="0" borderId="6" xfId="0" applyNumberFormat="1" applyFont="1" applyFill="1" applyBorder="1" applyAlignment="1">
      <alignment vertical="center" wrapText="1"/>
    </xf>
    <xf numFmtId="183" fontId="8" fillId="0" borderId="1" xfId="0" applyNumberFormat="1" applyFont="1" applyBorder="1" applyAlignment="1">
      <alignment vertical="center" textRotation="255" shrinkToFit="1"/>
    </xf>
    <xf numFmtId="183" fontId="9" fillId="0" borderId="1" xfId="0" applyNumberFormat="1" applyFont="1" applyBorder="1" applyAlignment="1">
      <alignment vertical="center" wrapText="1"/>
    </xf>
    <xf numFmtId="183" fontId="8" fillId="0" borderId="4" xfId="0" applyNumberFormat="1" applyFont="1" applyFill="1" applyBorder="1" applyAlignment="1">
      <alignment vertical="top" wrapText="1"/>
    </xf>
    <xf numFmtId="183" fontId="8" fillId="0" borderId="4" xfId="0" applyNumberFormat="1" applyFont="1" applyFill="1" applyBorder="1" applyAlignment="1">
      <alignment vertical="center" textRotation="255"/>
    </xf>
    <xf numFmtId="183" fontId="8" fillId="0" borderId="5" xfId="0" applyNumberFormat="1" applyFont="1" applyBorder="1" applyAlignment="1">
      <alignment horizontal="center" vertical="center" wrapText="1"/>
    </xf>
    <xf numFmtId="183" fontId="8" fillId="0" borderId="4" xfId="0" applyNumberFormat="1" applyFont="1" applyBorder="1" applyAlignment="1">
      <alignment vertical="center" textRotation="255"/>
    </xf>
    <xf numFmtId="183" fontId="8" fillId="0" borderId="4" xfId="0" applyNumberFormat="1" applyFont="1" applyBorder="1" applyAlignment="1">
      <alignment vertical="center" textRotation="255" shrinkToFit="1"/>
    </xf>
    <xf numFmtId="211" fontId="4" fillId="0" borderId="1" xfId="1" applyNumberFormat="1" applyFont="1" applyBorder="1" applyAlignment="1">
      <alignment vertical="center"/>
    </xf>
    <xf numFmtId="211" fontId="4" fillId="0" borderId="2" xfId="1" applyNumberFormat="1" applyFont="1" applyBorder="1" applyAlignment="1">
      <alignment vertical="center"/>
    </xf>
    <xf numFmtId="211" fontId="4" fillId="0" borderId="3" xfId="1" applyNumberFormat="1" applyFont="1" applyBorder="1" applyAlignment="1">
      <alignment vertical="center"/>
    </xf>
    <xf numFmtId="0" fontId="4" fillId="0" borderId="9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7" xfId="0" applyFont="1" applyBorder="1" applyAlignment="1">
      <alignment horizontal="right"/>
    </xf>
  </cellXfs>
  <cellStyles count="6">
    <cellStyle name="桁区切り" xfId="1" builtinId="6"/>
    <cellStyle name="標準" xfId="0" builtinId="0"/>
    <cellStyle name="標準 2" xfId="2"/>
    <cellStyle name="標準 2 2" xfId="3"/>
    <cellStyle name="標準 2_第１巻_表頭_CD-ROM収録" xfId="4"/>
    <cellStyle name="標準 3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indexed="10"/>
  </sheetPr>
  <dimension ref="A1:X50"/>
  <sheetViews>
    <sheetView tabSelected="1" view="pageBreakPreview" zoomScaleNormal="100" zoomScaleSheetLayoutView="100" workbookViewId="0"/>
  </sheetViews>
  <sheetFormatPr defaultRowHeight="9" x14ac:dyDescent="0.15"/>
  <cols>
    <col min="1" max="1" width="10.25" style="1" bestFit="1" customWidth="1"/>
    <col min="2" max="14" width="7.5" style="1" customWidth="1"/>
    <col min="15" max="16" width="8.125" style="1" customWidth="1"/>
    <col min="17" max="17" width="7.5" style="1" customWidth="1"/>
    <col min="18" max="19" width="8.125" style="1" customWidth="1"/>
    <col min="20" max="22" width="7.5" style="1" customWidth="1"/>
    <col min="23" max="24" width="8.125" style="1" customWidth="1"/>
    <col min="25" max="16384" width="9" style="1"/>
  </cols>
  <sheetData>
    <row r="1" spans="1:24" ht="26.25" customHeight="1" x14ac:dyDescent="0.15">
      <c r="W1" s="51"/>
      <c r="X1" s="51"/>
    </row>
    <row r="2" spans="1:24" s="3" customFormat="1" ht="24.95" customHeight="1" x14ac:dyDescent="0.15">
      <c r="A2" s="25"/>
      <c r="B2" s="26" t="s">
        <v>23</v>
      </c>
      <c r="C2" s="26" t="s">
        <v>23</v>
      </c>
      <c r="D2" s="26" t="s">
        <v>23</v>
      </c>
      <c r="E2" s="26" t="s">
        <v>23</v>
      </c>
      <c r="F2" s="26" t="s">
        <v>23</v>
      </c>
      <c r="G2" s="26" t="s">
        <v>23</v>
      </c>
      <c r="H2" s="26" t="s">
        <v>23</v>
      </c>
      <c r="I2" s="26" t="s">
        <v>23</v>
      </c>
      <c r="J2" s="26" t="s">
        <v>23</v>
      </c>
      <c r="K2" s="26" t="s">
        <v>23</v>
      </c>
      <c r="L2" s="26" t="s">
        <v>23</v>
      </c>
      <c r="M2" s="26" t="s">
        <v>23</v>
      </c>
      <c r="N2" s="26" t="s">
        <v>23</v>
      </c>
      <c r="O2" s="26" t="s">
        <v>23</v>
      </c>
      <c r="P2" s="26" t="s">
        <v>23</v>
      </c>
      <c r="Q2" s="26" t="s">
        <v>23</v>
      </c>
      <c r="R2" s="26" t="s">
        <v>23</v>
      </c>
      <c r="S2" s="26" t="s">
        <v>23</v>
      </c>
      <c r="T2" s="26" t="s">
        <v>31</v>
      </c>
      <c r="U2" s="26" t="s">
        <v>31</v>
      </c>
      <c r="V2" s="26" t="s">
        <v>31</v>
      </c>
      <c r="W2" s="26" t="s">
        <v>38</v>
      </c>
      <c r="X2" s="27" t="s">
        <v>39</v>
      </c>
    </row>
    <row r="3" spans="1:24" s="3" customFormat="1" ht="24.95" customHeight="1" x14ac:dyDescent="0.15">
      <c r="A3" s="25"/>
      <c r="B3" s="25" t="s">
        <v>0</v>
      </c>
      <c r="C3" s="25" t="s">
        <v>0</v>
      </c>
      <c r="D3" s="25" t="s">
        <v>0</v>
      </c>
      <c r="E3" s="25" t="s">
        <v>0</v>
      </c>
      <c r="F3" s="28" t="s">
        <v>24</v>
      </c>
      <c r="G3" s="28" t="s">
        <v>24</v>
      </c>
      <c r="H3" s="28" t="s">
        <v>24</v>
      </c>
      <c r="I3" s="28" t="s">
        <v>24</v>
      </c>
      <c r="J3" s="28" t="s">
        <v>24</v>
      </c>
      <c r="K3" s="28" t="s">
        <v>24</v>
      </c>
      <c r="L3" s="28" t="s">
        <v>24</v>
      </c>
      <c r="M3" s="28" t="s">
        <v>24</v>
      </c>
      <c r="N3" s="28" t="s">
        <v>24</v>
      </c>
      <c r="O3" s="28" t="s">
        <v>24</v>
      </c>
      <c r="P3" s="28" t="s">
        <v>24</v>
      </c>
      <c r="Q3" s="28" t="s">
        <v>24</v>
      </c>
      <c r="R3" s="28" t="s">
        <v>24</v>
      </c>
      <c r="S3" s="33" t="s">
        <v>29</v>
      </c>
      <c r="T3" s="26" t="s">
        <v>30</v>
      </c>
      <c r="U3" s="27" t="s">
        <v>32</v>
      </c>
      <c r="V3" s="27" t="s">
        <v>33</v>
      </c>
      <c r="W3" s="26" t="s">
        <v>38</v>
      </c>
      <c r="X3" s="27" t="s">
        <v>39</v>
      </c>
    </row>
    <row r="4" spans="1:24" s="3" customFormat="1" ht="24.95" customHeight="1" x14ac:dyDescent="0.15">
      <c r="A4" s="25"/>
      <c r="B4" s="25" t="s">
        <v>4</v>
      </c>
      <c r="C4" s="25" t="s">
        <v>4</v>
      </c>
      <c r="D4" s="25" t="s">
        <v>25</v>
      </c>
      <c r="E4" s="25" t="s">
        <v>26</v>
      </c>
      <c r="F4" s="30" t="s">
        <v>27</v>
      </c>
      <c r="G4" s="30" t="s">
        <v>27</v>
      </c>
      <c r="H4" s="30" t="s">
        <v>27</v>
      </c>
      <c r="I4" s="30" t="s">
        <v>27</v>
      </c>
      <c r="J4" s="30" t="s">
        <v>27</v>
      </c>
      <c r="K4" s="30" t="s">
        <v>27</v>
      </c>
      <c r="L4" s="30" t="s">
        <v>27</v>
      </c>
      <c r="M4" s="30" t="s">
        <v>27</v>
      </c>
      <c r="N4" s="30" t="s">
        <v>27</v>
      </c>
      <c r="O4" s="30" t="s">
        <v>27</v>
      </c>
      <c r="P4" s="30" t="s">
        <v>27</v>
      </c>
      <c r="Q4" s="32" t="s">
        <v>20</v>
      </c>
      <c r="R4" s="27" t="s">
        <v>28</v>
      </c>
      <c r="S4" s="33" t="s">
        <v>29</v>
      </c>
      <c r="T4" s="26" t="s">
        <v>30</v>
      </c>
      <c r="U4" s="27" t="s">
        <v>32</v>
      </c>
      <c r="V4" s="27" t="s">
        <v>33</v>
      </c>
      <c r="W4" s="26" t="s">
        <v>38</v>
      </c>
      <c r="X4" s="27" t="s">
        <v>39</v>
      </c>
    </row>
    <row r="5" spans="1:24" s="3" customFormat="1" ht="72.75" customHeight="1" x14ac:dyDescent="0.15">
      <c r="A5" s="25" t="s">
        <v>19</v>
      </c>
      <c r="B5" s="9" t="s">
        <v>15</v>
      </c>
      <c r="C5" s="9" t="s">
        <v>16</v>
      </c>
      <c r="D5" s="29" t="s">
        <v>25</v>
      </c>
      <c r="E5" s="29" t="s">
        <v>26</v>
      </c>
      <c r="F5" s="10" t="s">
        <v>14</v>
      </c>
      <c r="G5" s="10" t="s">
        <v>13</v>
      </c>
      <c r="H5" s="10" t="s">
        <v>12</v>
      </c>
      <c r="I5" s="10" t="s">
        <v>11</v>
      </c>
      <c r="J5" s="24" t="s">
        <v>22</v>
      </c>
      <c r="K5" s="10" t="s">
        <v>10</v>
      </c>
      <c r="L5" s="10" t="s">
        <v>9</v>
      </c>
      <c r="M5" s="10" t="s">
        <v>8</v>
      </c>
      <c r="N5" s="10" t="s">
        <v>6</v>
      </c>
      <c r="O5" s="10" t="s">
        <v>7</v>
      </c>
      <c r="P5" s="23" t="s">
        <v>3</v>
      </c>
      <c r="Q5" s="31" t="s">
        <v>20</v>
      </c>
      <c r="R5" s="29" t="s">
        <v>28</v>
      </c>
      <c r="S5" s="34" t="s">
        <v>29</v>
      </c>
      <c r="T5" s="35" t="s">
        <v>30</v>
      </c>
      <c r="U5" s="37" t="s">
        <v>32</v>
      </c>
      <c r="V5" s="36" t="s">
        <v>33</v>
      </c>
      <c r="W5" s="37" t="s">
        <v>37</v>
      </c>
      <c r="X5" s="29" t="s">
        <v>36</v>
      </c>
    </row>
    <row r="6" spans="1:24" s="3" customFormat="1" ht="30" customHeight="1" x14ac:dyDescent="0.15">
      <c r="A6" s="11" t="s">
        <v>21</v>
      </c>
      <c r="B6" s="38">
        <v>10355.57</v>
      </c>
      <c r="C6" s="38">
        <v>734.4</v>
      </c>
      <c r="D6" s="38">
        <v>11</v>
      </c>
      <c r="E6" s="38">
        <v>11100.97</v>
      </c>
      <c r="F6" s="38">
        <v>231.01</v>
      </c>
      <c r="G6" s="38">
        <v>7709.9699999999993</v>
      </c>
      <c r="H6" s="38">
        <v>0.51</v>
      </c>
      <c r="I6" s="38">
        <v>9702.4599999999991</v>
      </c>
      <c r="J6" s="38">
        <v>9882.7900000000009</v>
      </c>
      <c r="K6" s="38">
        <v>1062.8800000000001</v>
      </c>
      <c r="L6" s="38">
        <v>8202.17</v>
      </c>
      <c r="M6" s="38">
        <v>1718.62</v>
      </c>
      <c r="N6" s="38">
        <v>4973.5300000000007</v>
      </c>
      <c r="O6" s="38">
        <v>126466.82</v>
      </c>
      <c r="P6" s="38">
        <v>169950.76</v>
      </c>
      <c r="Q6" s="4" t="s">
        <v>5</v>
      </c>
      <c r="R6" s="38">
        <v>169950.76</v>
      </c>
      <c r="S6" s="38">
        <v>181051.73</v>
      </c>
      <c r="T6" s="38">
        <v>4416</v>
      </c>
      <c r="U6" s="38">
        <v>823</v>
      </c>
      <c r="V6" s="38">
        <v>5239</v>
      </c>
      <c r="W6" s="38">
        <v>34036.26999999999</v>
      </c>
      <c r="X6" s="38">
        <v>220327</v>
      </c>
    </row>
    <row r="7" spans="1:24" s="3" customFormat="1" ht="30" customHeight="1" x14ac:dyDescent="0.15">
      <c r="A7" s="12" t="s">
        <v>17</v>
      </c>
      <c r="B7" s="39">
        <v>5958.8600000000006</v>
      </c>
      <c r="C7" s="39">
        <v>1916.3000000000002</v>
      </c>
      <c r="D7" s="39">
        <v>14</v>
      </c>
      <c r="E7" s="39">
        <v>7889.1600000000008</v>
      </c>
      <c r="F7" s="39">
        <v>2339.9600000000005</v>
      </c>
      <c r="G7" s="39">
        <v>10158.509999999998</v>
      </c>
      <c r="H7" s="39">
        <v>831.18999999999994</v>
      </c>
      <c r="I7" s="39">
        <v>10731.7</v>
      </c>
      <c r="J7" s="39">
        <v>14130.649999999998</v>
      </c>
      <c r="K7" s="39">
        <v>3071.2700000000004</v>
      </c>
      <c r="L7" s="39">
        <v>11861.38</v>
      </c>
      <c r="M7" s="39">
        <v>3229.44</v>
      </c>
      <c r="N7" s="39">
        <v>9275.83</v>
      </c>
      <c r="O7" s="39">
        <v>118088.26</v>
      </c>
      <c r="P7" s="39">
        <v>183718.19</v>
      </c>
      <c r="Q7" s="6">
        <v>9.56</v>
      </c>
      <c r="R7" s="39">
        <v>183727.75</v>
      </c>
      <c r="S7" s="39">
        <v>191616.91</v>
      </c>
      <c r="T7" s="39">
        <v>15051</v>
      </c>
      <c r="U7" s="39">
        <v>2367</v>
      </c>
      <c r="V7" s="39">
        <v>17417</v>
      </c>
      <c r="W7" s="39">
        <v>69201.09</v>
      </c>
      <c r="X7" s="39">
        <v>278235</v>
      </c>
    </row>
    <row r="8" spans="1:24" s="3" customFormat="1" ht="30" customHeight="1" x14ac:dyDescent="0.15">
      <c r="A8" s="12" t="s">
        <v>34</v>
      </c>
      <c r="B8" s="5">
        <v>0</v>
      </c>
      <c r="C8" s="5">
        <v>230.96999999999997</v>
      </c>
      <c r="D8" s="5">
        <v>1</v>
      </c>
      <c r="E8" s="5">
        <v>231.96999999999997</v>
      </c>
      <c r="F8" s="5">
        <v>99.550000000000011</v>
      </c>
      <c r="G8" s="39">
        <v>2036.2100000000003</v>
      </c>
      <c r="H8" s="39">
        <v>396.90999999999997</v>
      </c>
      <c r="I8" s="39">
        <v>779.34</v>
      </c>
      <c r="J8" s="39">
        <v>17.77</v>
      </c>
      <c r="K8" s="39">
        <v>1996.4799999999996</v>
      </c>
      <c r="L8" s="39">
        <v>1662.9699999999998</v>
      </c>
      <c r="M8" s="39">
        <v>798.29000000000008</v>
      </c>
      <c r="N8" s="39">
        <v>3742.2000000000003</v>
      </c>
      <c r="O8" s="39">
        <v>17970.330000000002</v>
      </c>
      <c r="P8" s="39">
        <v>29500.050000000003</v>
      </c>
      <c r="Q8" s="5">
        <v>4.54</v>
      </c>
      <c r="R8" s="39">
        <v>29504.590000000004</v>
      </c>
      <c r="S8" s="39">
        <v>29736.560000000005</v>
      </c>
      <c r="T8" s="39">
        <v>465</v>
      </c>
      <c r="U8" s="39">
        <v>93</v>
      </c>
      <c r="V8" s="39">
        <v>559</v>
      </c>
      <c r="W8" s="39">
        <v>4296.4399999999951</v>
      </c>
      <c r="X8" s="39">
        <v>34592</v>
      </c>
    </row>
    <row r="9" spans="1:24" s="3" customFormat="1" ht="30" customHeight="1" x14ac:dyDescent="0.15">
      <c r="A9" s="13" t="s">
        <v>18</v>
      </c>
      <c r="B9" s="39">
        <v>12607.19</v>
      </c>
      <c r="C9" s="5">
        <v>436.53000000000003</v>
      </c>
      <c r="D9" s="5">
        <v>0</v>
      </c>
      <c r="E9" s="39">
        <v>13043.720000000001</v>
      </c>
      <c r="F9" s="5">
        <v>56.680000000000007</v>
      </c>
      <c r="G9" s="39">
        <v>3552.5999999999995</v>
      </c>
      <c r="H9" s="39">
        <v>770.3900000000001</v>
      </c>
      <c r="I9" s="39">
        <v>3104.92</v>
      </c>
      <c r="J9" s="39">
        <v>8455.18</v>
      </c>
      <c r="K9" s="39">
        <v>608.79000000000008</v>
      </c>
      <c r="L9" s="39">
        <v>9226.6200000000008</v>
      </c>
      <c r="M9" s="39">
        <v>512.08999999999992</v>
      </c>
      <c r="N9" s="39">
        <v>6611.54</v>
      </c>
      <c r="O9" s="39">
        <v>76172.000000000015</v>
      </c>
      <c r="P9" s="39">
        <v>109070.81000000001</v>
      </c>
      <c r="Q9" s="6" t="s">
        <v>5</v>
      </c>
      <c r="R9" s="39">
        <v>109070.81000000001</v>
      </c>
      <c r="S9" s="39">
        <v>122114.53000000001</v>
      </c>
      <c r="T9" s="39">
        <v>1993</v>
      </c>
      <c r="U9" s="39">
        <v>541</v>
      </c>
      <c r="V9" s="39">
        <v>2534</v>
      </c>
      <c r="W9" s="39">
        <v>13023.469999999987</v>
      </c>
      <c r="X9" s="39">
        <v>137672</v>
      </c>
    </row>
    <row r="10" spans="1:24" s="3" customFormat="1" ht="30" customHeight="1" thickBot="1" x14ac:dyDescent="0.2">
      <c r="A10" s="14" t="s">
        <v>35</v>
      </c>
      <c r="B10" s="40">
        <v>28921.620000000003</v>
      </c>
      <c r="C10" s="40">
        <v>3318.2000000000003</v>
      </c>
      <c r="D10" s="40">
        <v>26</v>
      </c>
      <c r="E10" s="40">
        <v>32265.820000000003</v>
      </c>
      <c r="F10" s="40">
        <v>2727.2000000000003</v>
      </c>
      <c r="G10" s="40">
        <v>23457.289999999994</v>
      </c>
      <c r="H10" s="40">
        <v>1999</v>
      </c>
      <c r="I10" s="40">
        <v>24318.42</v>
      </c>
      <c r="J10" s="40">
        <v>32486.39</v>
      </c>
      <c r="K10" s="40">
        <v>6739.42</v>
      </c>
      <c r="L10" s="40">
        <v>30953.14</v>
      </c>
      <c r="M10" s="40">
        <v>6258.44</v>
      </c>
      <c r="N10" s="40">
        <v>24603.100000000002</v>
      </c>
      <c r="O10" s="40">
        <v>338697.41000000003</v>
      </c>
      <c r="P10" s="40">
        <v>492239.81</v>
      </c>
      <c r="Q10" s="7">
        <v>14.100000000000001</v>
      </c>
      <c r="R10" s="40">
        <v>492253.91000000003</v>
      </c>
      <c r="S10" s="40">
        <v>524519.73</v>
      </c>
      <c r="T10" s="40">
        <v>21928</v>
      </c>
      <c r="U10" s="40">
        <v>3822</v>
      </c>
      <c r="V10" s="40">
        <v>25749</v>
      </c>
      <c r="W10" s="40">
        <v>120557.27000000002</v>
      </c>
      <c r="X10" s="40">
        <v>670826</v>
      </c>
    </row>
    <row r="11" spans="1:24" s="3" customFormat="1" ht="30" customHeight="1" thickTop="1" x14ac:dyDescent="0.15">
      <c r="A11" s="15" t="s">
        <v>1</v>
      </c>
      <c r="B11" s="18">
        <v>6</v>
      </c>
      <c r="C11" s="18">
        <v>1</v>
      </c>
      <c r="D11" s="18">
        <v>0</v>
      </c>
      <c r="E11" s="18">
        <v>6</v>
      </c>
      <c r="F11" s="18">
        <v>1</v>
      </c>
      <c r="G11" s="18">
        <v>4</v>
      </c>
      <c r="H11" s="18">
        <v>0</v>
      </c>
      <c r="I11" s="18">
        <v>5</v>
      </c>
      <c r="J11" s="18">
        <v>6</v>
      </c>
      <c r="K11" s="18">
        <v>1</v>
      </c>
      <c r="L11" s="18">
        <v>6</v>
      </c>
      <c r="M11" s="18">
        <v>1</v>
      </c>
      <c r="N11" s="18">
        <v>5</v>
      </c>
      <c r="O11" s="18">
        <v>65</v>
      </c>
      <c r="P11" s="18">
        <v>94</v>
      </c>
      <c r="Q11" s="18">
        <v>0</v>
      </c>
      <c r="R11" s="18">
        <v>94</v>
      </c>
      <c r="S11" s="18">
        <v>100</v>
      </c>
      <c r="T11" s="16"/>
      <c r="U11" s="16"/>
      <c r="V11" s="16"/>
      <c r="W11" s="17"/>
      <c r="X11" s="17"/>
    </row>
    <row r="12" spans="1:24" s="3" customFormat="1" ht="30" customHeight="1" x14ac:dyDescent="0.15">
      <c r="A12" s="13" t="s">
        <v>2</v>
      </c>
      <c r="B12" s="19">
        <v>4</v>
      </c>
      <c r="C12" s="19">
        <v>0</v>
      </c>
      <c r="D12" s="19">
        <v>0</v>
      </c>
      <c r="E12" s="19">
        <v>5</v>
      </c>
      <c r="F12" s="19">
        <v>0</v>
      </c>
      <c r="G12" s="19">
        <v>3</v>
      </c>
      <c r="H12" s="19">
        <v>0</v>
      </c>
      <c r="I12" s="19">
        <v>4</v>
      </c>
      <c r="J12" s="19">
        <v>5</v>
      </c>
      <c r="K12" s="19">
        <v>1</v>
      </c>
      <c r="L12" s="19">
        <v>5</v>
      </c>
      <c r="M12" s="19">
        <v>1</v>
      </c>
      <c r="N12" s="19">
        <v>4</v>
      </c>
      <c r="O12" s="19">
        <v>50</v>
      </c>
      <c r="P12" s="19">
        <v>73</v>
      </c>
      <c r="Q12" s="19">
        <v>0</v>
      </c>
      <c r="R12" s="19">
        <v>73</v>
      </c>
      <c r="S12" s="19">
        <v>78</v>
      </c>
      <c r="T12" s="19">
        <v>3</v>
      </c>
      <c r="U12" s="19">
        <v>1</v>
      </c>
      <c r="V12" s="19">
        <v>4</v>
      </c>
      <c r="W12" s="19">
        <v>18</v>
      </c>
      <c r="X12" s="19">
        <v>100</v>
      </c>
    </row>
    <row r="13" spans="1:24" s="3" customFormat="1" ht="12.95" customHeight="1" x14ac:dyDescent="0.15"/>
    <row r="14" spans="1:24" s="3" customFormat="1" ht="12.95" customHeight="1" x14ac:dyDescent="0.15"/>
    <row r="15" spans="1:24" s="3" customFormat="1" ht="12.95" customHeight="1" x14ac:dyDescent="0.15">
      <c r="N15" s="8"/>
      <c r="O15" s="8"/>
      <c r="P15" s="8"/>
      <c r="Q15" s="8"/>
      <c r="R15" s="8"/>
      <c r="S15" s="8"/>
      <c r="T15" s="8"/>
      <c r="U15" s="8"/>
      <c r="V15" s="8"/>
      <c r="W15" s="8"/>
      <c r="X15" s="8"/>
    </row>
    <row r="16" spans="1:24" s="3" customFormat="1" ht="21" customHeight="1" x14ac:dyDescent="0.15">
      <c r="A16" s="20"/>
      <c r="B16" s="21"/>
      <c r="C16" s="21"/>
      <c r="D16" s="21"/>
      <c r="E16" s="21"/>
      <c r="F16" s="21"/>
      <c r="G16" s="21"/>
      <c r="H16" s="21"/>
      <c r="I16" s="21"/>
      <c r="J16" s="21"/>
      <c r="K16" s="21"/>
      <c r="L16" s="21"/>
      <c r="M16" s="8"/>
      <c r="N16" s="41"/>
      <c r="O16" s="42"/>
      <c r="P16" s="42"/>
      <c r="Q16" s="43"/>
      <c r="R16" s="47"/>
      <c r="S16" s="47"/>
      <c r="T16" s="47"/>
      <c r="U16" s="47"/>
      <c r="V16" s="47"/>
      <c r="W16" s="50"/>
      <c r="X16" s="50"/>
    </row>
    <row r="17" spans="1:24" s="3" customFormat="1" ht="21" customHeight="1" x14ac:dyDescent="0.15">
      <c r="A17" s="20"/>
      <c r="B17" s="21"/>
      <c r="C17" s="21"/>
      <c r="D17" s="21"/>
      <c r="E17" s="21"/>
      <c r="F17" s="21"/>
      <c r="G17" s="21"/>
      <c r="H17" s="21"/>
      <c r="I17" s="21"/>
      <c r="J17" s="21"/>
      <c r="K17" s="21"/>
      <c r="L17" s="21"/>
      <c r="M17" s="8"/>
      <c r="N17" s="44"/>
      <c r="O17" s="45"/>
      <c r="P17" s="45"/>
      <c r="Q17" s="46"/>
      <c r="R17" s="47"/>
      <c r="S17" s="47"/>
      <c r="T17" s="47"/>
      <c r="U17" s="47"/>
      <c r="V17" s="47"/>
      <c r="W17" s="49"/>
      <c r="X17" s="49"/>
    </row>
    <row r="18" spans="1:24" s="3" customFormat="1" ht="21" customHeight="1" x14ac:dyDescent="0.15">
      <c r="A18" s="20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8"/>
      <c r="N18" s="41"/>
      <c r="O18" s="42"/>
      <c r="P18" s="42"/>
      <c r="Q18" s="43"/>
      <c r="R18" s="48"/>
      <c r="S18" s="50"/>
      <c r="T18" s="48"/>
      <c r="U18" s="50"/>
      <c r="V18" s="50"/>
      <c r="W18" s="50"/>
      <c r="X18" s="50"/>
    </row>
    <row r="19" spans="1:24" s="3" customFormat="1" ht="21" customHeight="1" x14ac:dyDescent="0.15">
      <c r="A19" s="20"/>
      <c r="B19" s="21"/>
      <c r="C19" s="21"/>
      <c r="D19" s="21"/>
      <c r="E19" s="21"/>
      <c r="F19" s="21"/>
      <c r="G19" s="21"/>
      <c r="H19" s="21"/>
      <c r="I19" s="21"/>
      <c r="J19" s="21"/>
      <c r="K19" s="21"/>
      <c r="L19" s="21"/>
      <c r="M19" s="8"/>
      <c r="N19" s="44"/>
      <c r="O19" s="45"/>
      <c r="P19" s="45"/>
      <c r="Q19" s="46"/>
      <c r="R19" s="49"/>
      <c r="S19" s="49"/>
      <c r="T19" s="49"/>
      <c r="U19" s="49"/>
      <c r="V19" s="49"/>
      <c r="W19" s="49"/>
      <c r="X19" s="49"/>
    </row>
    <row r="20" spans="1:24" s="3" customFormat="1" ht="21" customHeight="1" x14ac:dyDescent="0.15">
      <c r="B20" s="21"/>
      <c r="C20" s="21"/>
      <c r="D20" s="21"/>
      <c r="E20" s="21"/>
      <c r="F20" s="21"/>
      <c r="G20" s="21"/>
      <c r="H20" s="21"/>
      <c r="I20" s="21"/>
      <c r="J20" s="21"/>
      <c r="K20" s="21"/>
      <c r="L20" s="21"/>
      <c r="M20" s="8"/>
      <c r="N20" s="41"/>
      <c r="O20" s="42"/>
      <c r="P20" s="42"/>
      <c r="Q20" s="43"/>
      <c r="R20" s="50"/>
      <c r="S20" s="50"/>
      <c r="T20" s="50"/>
      <c r="U20" s="50"/>
      <c r="V20" s="50"/>
      <c r="W20" s="50"/>
      <c r="X20" s="50"/>
    </row>
    <row r="21" spans="1:24" s="3" customFormat="1" ht="21" customHeight="1" x14ac:dyDescent="0.15">
      <c r="A21" s="20"/>
      <c r="B21" s="21"/>
      <c r="C21" s="21"/>
      <c r="D21" s="21"/>
      <c r="E21" s="21"/>
      <c r="F21" s="21"/>
      <c r="G21" s="21"/>
      <c r="H21" s="21"/>
      <c r="I21" s="21"/>
      <c r="J21" s="21"/>
      <c r="K21" s="21"/>
      <c r="L21" s="21"/>
      <c r="M21" s="8"/>
      <c r="N21" s="44"/>
      <c r="O21" s="45"/>
      <c r="P21" s="45"/>
      <c r="Q21" s="46"/>
      <c r="R21" s="49"/>
      <c r="S21" s="49"/>
      <c r="T21" s="49"/>
      <c r="U21" s="49"/>
      <c r="V21" s="49"/>
      <c r="W21" s="49"/>
      <c r="X21" s="49"/>
    </row>
    <row r="22" spans="1:24" s="3" customFormat="1" ht="21" customHeight="1" x14ac:dyDescent="0.15">
      <c r="A22" s="20"/>
      <c r="B22" s="21"/>
      <c r="C22" s="21"/>
      <c r="D22" s="21"/>
      <c r="E22" s="21"/>
      <c r="F22" s="21"/>
      <c r="G22" s="21"/>
      <c r="H22" s="21"/>
      <c r="I22" s="21"/>
      <c r="J22" s="21"/>
      <c r="K22" s="21"/>
      <c r="L22" s="21"/>
    </row>
    <row r="23" spans="1:24" s="3" customFormat="1" ht="21" customHeight="1" x14ac:dyDescent="0.15">
      <c r="A23" s="20"/>
      <c r="B23" s="21"/>
      <c r="C23" s="21"/>
      <c r="D23" s="21"/>
      <c r="E23" s="21"/>
      <c r="F23" s="21"/>
      <c r="G23" s="21"/>
      <c r="H23" s="21"/>
      <c r="I23" s="21"/>
      <c r="J23" s="21"/>
      <c r="K23" s="21"/>
      <c r="L23" s="21"/>
    </row>
    <row r="24" spans="1:24" s="3" customFormat="1" ht="21" customHeight="1" x14ac:dyDescent="0.15">
      <c r="A24" s="20"/>
      <c r="B24" s="21"/>
      <c r="C24" s="21"/>
      <c r="D24" s="21"/>
      <c r="E24" s="21"/>
      <c r="F24" s="21"/>
      <c r="G24" s="21"/>
      <c r="H24" s="21"/>
      <c r="I24" s="21"/>
      <c r="J24" s="21"/>
      <c r="K24" s="21"/>
      <c r="L24" s="21"/>
    </row>
    <row r="25" spans="1:24" s="3" customFormat="1" ht="21" customHeight="1" x14ac:dyDescent="0.15">
      <c r="A25" s="20"/>
      <c r="B25" s="21"/>
      <c r="C25" s="21"/>
      <c r="D25" s="21"/>
      <c r="E25" s="21"/>
      <c r="F25" s="21"/>
      <c r="G25" s="21"/>
      <c r="H25" s="21"/>
      <c r="I25" s="21"/>
      <c r="J25" s="21"/>
      <c r="K25" s="21"/>
      <c r="L25" s="21"/>
    </row>
    <row r="26" spans="1:24" ht="21" customHeight="1" x14ac:dyDescent="0.15">
      <c r="A26" s="21"/>
      <c r="B26" s="22"/>
    </row>
    <row r="27" spans="1:24" ht="21" customHeight="1" x14ac:dyDescent="0.15"/>
    <row r="28" spans="1:24" ht="21" customHeight="1" x14ac:dyDescent="0.15"/>
    <row r="29" spans="1:24" ht="21" customHeight="1" x14ac:dyDescent="0.15"/>
    <row r="30" spans="1:24" ht="12.95" customHeight="1" x14ac:dyDescent="0.15">
      <c r="A30" s="2"/>
    </row>
    <row r="31" spans="1:24" ht="12.95" customHeight="1" x14ac:dyDescent="0.15">
      <c r="A31" s="2"/>
    </row>
    <row r="32" spans="1:24" ht="12.95" customHeight="1" x14ac:dyDescent="0.15">
      <c r="A32" s="2"/>
    </row>
    <row r="33" spans="1:1" ht="12.95" customHeight="1" x14ac:dyDescent="0.15">
      <c r="A33" s="2"/>
    </row>
    <row r="34" spans="1:1" ht="12.95" customHeight="1" x14ac:dyDescent="0.15">
      <c r="A34" s="2"/>
    </row>
    <row r="35" spans="1:1" ht="12.95" customHeight="1" x14ac:dyDescent="0.15">
      <c r="A35" s="2"/>
    </row>
    <row r="36" spans="1:1" ht="12.95" customHeight="1" x14ac:dyDescent="0.15">
      <c r="A36" s="2"/>
    </row>
    <row r="37" spans="1:1" ht="12.95" customHeight="1" x14ac:dyDescent="0.15">
      <c r="A37" s="2"/>
    </row>
    <row r="38" spans="1:1" ht="12.95" customHeight="1" x14ac:dyDescent="0.15"/>
    <row r="39" spans="1:1" ht="12.95" customHeight="1" x14ac:dyDescent="0.15"/>
    <row r="40" spans="1:1" ht="12.95" customHeight="1" x14ac:dyDescent="0.15"/>
    <row r="41" spans="1:1" ht="12.95" customHeight="1" x14ac:dyDescent="0.15"/>
    <row r="42" spans="1:1" ht="12.95" customHeight="1" x14ac:dyDescent="0.15"/>
    <row r="43" spans="1:1" ht="12.95" customHeight="1" x14ac:dyDescent="0.15"/>
    <row r="44" spans="1:1" ht="12.95" customHeight="1" x14ac:dyDescent="0.15"/>
    <row r="45" spans="1:1" ht="12.95" customHeight="1" x14ac:dyDescent="0.15"/>
    <row r="46" spans="1:1" ht="12.95" customHeight="1" x14ac:dyDescent="0.15"/>
    <row r="47" spans="1:1" ht="12.95" customHeight="1" x14ac:dyDescent="0.15"/>
    <row r="48" spans="1:1" ht="12.95" customHeight="1" x14ac:dyDescent="0.15"/>
    <row r="49" ht="12.95" customHeight="1" x14ac:dyDescent="0.15"/>
    <row r="50" ht="12.95" customHeight="1" x14ac:dyDescent="0.15"/>
  </sheetData>
  <mergeCells count="22">
    <mergeCell ref="R20:R21"/>
    <mergeCell ref="S20:S21"/>
    <mergeCell ref="V20:V21"/>
    <mergeCell ref="R18:R19"/>
    <mergeCell ref="W1:X1"/>
    <mergeCell ref="W16:W17"/>
    <mergeCell ref="X16:X17"/>
    <mergeCell ref="U18:U19"/>
    <mergeCell ref="V18:V19"/>
    <mergeCell ref="W18:W19"/>
    <mergeCell ref="X18:X19"/>
    <mergeCell ref="T16:V17"/>
    <mergeCell ref="N16:Q17"/>
    <mergeCell ref="N18:Q19"/>
    <mergeCell ref="R16:S17"/>
    <mergeCell ref="T18:T19"/>
    <mergeCell ref="S18:S19"/>
    <mergeCell ref="X20:X21"/>
    <mergeCell ref="W20:W21"/>
    <mergeCell ref="U20:U21"/>
    <mergeCell ref="T20:T21"/>
    <mergeCell ref="N20:Q21"/>
  </mergeCells>
  <phoneticPr fontId="2"/>
  <pageMargins left="0.78740157480314965" right="0.78740157480314965" top="1.1811023622047245" bottom="0.31496062992125984" header="0.62992125984251968" footer="0.51181102362204722"/>
  <pageSetup paperSize="9" scale="92" fitToWidth="2" orientation="portrait" r:id="rId1"/>
  <headerFooter differentFirst="1" scaleWithDoc="0" alignWithMargins="0">
    <oddHeader xml:space="preserve">&amp;L&amp;"ＭＳ 明朝,標準"&amp;20
  &amp;14
　　　　 </oddHeader>
    <evenHeader>&amp;L　&amp;"ＭＳ 明朝,標準"&amp;22 ３．土地利用現況表&amp;"ＭＳ Ｐゴシック,標準"&amp;11
&amp;"ＭＳ 明朝,標準"&amp;26     &amp;14(１)森林計画区別</evenHeader>
    <firstHeader>&amp;L&amp;"ＭＳ 明朝,標準"&amp;22 &amp;20 &amp;18 3. 土地利用現況表&amp;"ＭＳ Ｐゴシック,標準"&amp;11
&amp;"ＭＳ 明朝,標準"&amp;26   &amp;14  &amp;12(1) 森林計画区別</first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3(1)</vt:lpstr>
      <vt:lpstr>'3(1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長野　純子</dc:creator>
  <cp:lastModifiedBy>Windows ユーザー</cp:lastModifiedBy>
  <cp:lastPrinted>2018-11-06T23:44:42Z</cp:lastPrinted>
  <dcterms:created xsi:type="dcterms:W3CDTF">1997-01-08T22:48:59Z</dcterms:created>
  <dcterms:modified xsi:type="dcterms:W3CDTF">2019-08-28T00:49:28Z</dcterms:modified>
</cp:coreProperties>
</file>